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xlsx" ContentType="application/vnd.openxmlformats-officedocument.spreadsheetml.sheet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rawings/drawing1.xml" ContentType="application/vnd.openxmlformats-officedocument.drawingml.chartshape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6"/>
  </p:notesMasterIdLst>
  <p:handoutMasterIdLst>
    <p:handoutMasterId r:id="rId17"/>
  </p:handoutMasterIdLst>
  <p:sldIdLst>
    <p:sldId id="1269" r:id="rId10"/>
    <p:sldId id="1287" r:id="rId11"/>
    <p:sldId id="1295" r:id="rId12"/>
    <p:sldId id="1294" r:id="rId13"/>
    <p:sldId id="1292" r:id="rId14"/>
    <p:sldId id="393" r:id="rId15"/>
  </p:sldIdLst>
  <p:sldSz cx="9144000" cy="5143500" type="screen16x9"/>
  <p:notesSz cx="7010400" cy="9296400"/>
  <p:defaultTextStyle>
    <a:defPPr>
      <a:defRPr lang="en-US"/>
    </a:defPPr>
    <a:lvl1pPr marL="0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5" orient="horz" pos="2972">
          <p15:clr>
            <a:srgbClr val="A4A3A4"/>
          </p15:clr>
        </p15:guide>
        <p15:guide id="6" orient="horz" pos="300" userDrawn="1">
          <p15:clr>
            <a:srgbClr val="A4A3A4"/>
          </p15:clr>
        </p15:guide>
        <p15:guide id="10" pos="288">
          <p15:clr>
            <a:srgbClr val="A4A3A4"/>
          </p15:clr>
        </p15:guide>
        <p15:guide id="11" pos="2736">
          <p15:clr>
            <a:srgbClr val="A4A3A4"/>
          </p15:clr>
        </p15:guide>
        <p15:guide id="12" pos="3024">
          <p15:clr>
            <a:srgbClr val="A4A3A4"/>
          </p15:clr>
        </p15:guide>
        <p15:guide id="13" pos="5472" userDrawn="1">
          <p15:clr>
            <a:srgbClr val="A4A3A4"/>
          </p15:clr>
        </p15:guide>
        <p15:guide id="15" pos="2016">
          <p15:clr>
            <a:srgbClr val="A4A3A4"/>
          </p15:clr>
        </p15:guide>
        <p15:guide id="16" pos="2880">
          <p15:clr>
            <a:srgbClr val="A4A3A4"/>
          </p15:clr>
        </p15:guide>
        <p15:guide id="25" orient="horz" pos="2883">
          <p15:clr>
            <a:srgbClr val="A4A3A4"/>
          </p15:clr>
        </p15:guide>
        <p15:guide id="26" orient="horz" pos="361">
          <p15:clr>
            <a:srgbClr val="A4A3A4"/>
          </p15:clr>
        </p15:guide>
        <p15:guide id="27" pos="359">
          <p15:clr>
            <a:srgbClr val="A4A3A4"/>
          </p15:clr>
        </p15:guide>
        <p15:guide id="28" pos="5401">
          <p15:clr>
            <a:srgbClr val="A4A3A4"/>
          </p15:clr>
        </p15:guide>
        <p15:guide id="29" pos="3574">
          <p15:clr>
            <a:srgbClr val="A4A3A4"/>
          </p15:clr>
        </p15:guide>
        <p15:guide id="30" pos="3187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928">
          <p15:clr>
            <a:srgbClr val="A4A3A4"/>
          </p15:clr>
        </p15:guide>
        <p15:guide id="2" pos="2208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68D230F3-CF80-4859-8CE7-A43EE81993B5}" styleName="Light Style 1 - Acc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16D9F66E-5EB9-4882-86FB-DCBF35E3C3E4}" styleName="Medium Style 4 - Acc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6"/>
              </a:solidFill>
            </a:ln>
          </a:top>
        </a:tcBdr>
        <a:fill>
          <a:solidFill>
            <a:schemeClr val="accent6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6">
              <a:tint val="20000"/>
            </a:schemeClr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10" autoAdjust="0"/>
    <p:restoredTop sz="82330" autoAdjust="0"/>
  </p:normalViewPr>
  <p:slideViewPr>
    <p:cSldViewPr snapToGrid="0" showGuides="1">
      <p:cViewPr varScale="1">
        <p:scale>
          <a:sx n="131" d="100"/>
          <a:sy n="131" d="100"/>
        </p:scale>
        <p:origin x="1085" y="101"/>
      </p:cViewPr>
      <p:guideLst>
        <p:guide orient="horz" pos="2972"/>
        <p:guide orient="horz" pos="300"/>
        <p:guide pos="288"/>
        <p:guide pos="2736"/>
        <p:guide pos="3024"/>
        <p:guide pos="5472"/>
        <p:guide pos="2016"/>
        <p:guide pos="2880"/>
        <p:guide orient="horz" pos="2883"/>
        <p:guide orient="horz" pos="361"/>
        <p:guide pos="359"/>
        <p:guide pos="5401"/>
        <p:guide pos="3574"/>
        <p:guide pos="318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50" d="100"/>
        <a:sy n="50" d="100"/>
      </p:scale>
      <p:origin x="0" y="0"/>
    </p:cViewPr>
  </p:sorterViewPr>
  <p:notesViewPr>
    <p:cSldViewPr snapToGrid="0" showGuides="1">
      <p:cViewPr varScale="1">
        <p:scale>
          <a:sx n="82" d="100"/>
          <a:sy n="82" d="100"/>
        </p:scale>
        <p:origin x="-2826" y="-90"/>
      </p:cViewPr>
      <p:guideLst>
        <p:guide orient="horz" pos="2928"/>
        <p:guide pos="220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chartUserShapes" Target="../drawings/drawing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Average Annual Cost Per Person Based on AWP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3-67CB-4B2A-AB4C-B68D4831A6F7}"/>
              </c:ext>
            </c:extLst>
          </c:dPt>
          <c:dPt>
            <c:idx val="1"/>
            <c:invertIfNegative val="0"/>
            <c:bubble3D val="0"/>
            <c:spPr>
              <a:solidFill>
                <a:schemeClr val="tx2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4-67CB-4B2A-AB4C-B68D4831A6F7}"/>
              </c:ext>
            </c:extLst>
          </c:dPt>
          <c:dPt>
            <c:idx val="2"/>
            <c:invertIfNegative val="0"/>
            <c:bubble3D val="0"/>
            <c:spPr>
              <a:solidFill>
                <a:schemeClr val="tx2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0-67CB-4B2A-AB4C-B68D4831A6F7}"/>
              </c:ext>
            </c:extLst>
          </c:dPt>
          <c:dPt>
            <c:idx val="3"/>
            <c:invertIfNegative val="0"/>
            <c:bubble3D val="0"/>
            <c:spPr>
              <a:solidFill>
                <a:schemeClr val="tx2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67CB-4B2A-AB4C-B68D4831A6F7}"/>
              </c:ext>
            </c:extLst>
          </c:dPt>
          <c:dPt>
            <c:idx val="4"/>
            <c:invertIfNegative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2-67CB-4B2A-AB4C-B68D4831A6F7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layout/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Inflammatory Conditions</c:v>
                </c:pt>
                <c:pt idx="1">
                  <c:v>Multiple Sclerosis</c:v>
                </c:pt>
                <c:pt idx="2">
                  <c:v>Rare Conditions</c:v>
                </c:pt>
                <c:pt idx="3">
                  <c:v>Immune Deficiency</c:v>
                </c:pt>
                <c:pt idx="4">
                  <c:v>Oncology</c:v>
                </c:pt>
              </c:strCache>
            </c:strRef>
          </c:cat>
          <c:val>
            <c:numRef>
              <c:f>Sheet1!$B$2:$B$6</c:f>
              <c:numCache>
                <c:formatCode>"$"#,##0_);[Red]\("$"#,##0\)</c:formatCode>
                <c:ptCount val="5"/>
                <c:pt idx="0">
                  <c:v>93624</c:v>
                </c:pt>
                <c:pt idx="1">
                  <c:v>128508</c:v>
                </c:pt>
                <c:pt idx="2">
                  <c:v>155568</c:v>
                </c:pt>
                <c:pt idx="3">
                  <c:v>173376</c:v>
                </c:pt>
                <c:pt idx="4">
                  <c:v>19768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BACE-4EAD-AFB5-A46B3FA75B4E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79"/>
        <c:overlap val="100"/>
        <c:axId val="767512336"/>
        <c:axId val="767509384"/>
      </c:barChart>
      <c:catAx>
        <c:axId val="76751233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cap="all" spc="120" normalizeH="0" baseline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767509384"/>
        <c:crosses val="autoZero"/>
        <c:auto val="1"/>
        <c:lblAlgn val="ctr"/>
        <c:lblOffset val="100"/>
        <c:noMultiLvlLbl val="0"/>
      </c:catAx>
      <c:valAx>
        <c:axId val="767509384"/>
        <c:scaling>
          <c:orientation val="minMax"/>
        </c:scaling>
        <c:delete val="1"/>
        <c:axPos val="l"/>
        <c:numFmt formatCode="&quot;$&quot;#,##0_);[Red]\(&quot;$&quot;#,##0\)" sourceLinked="1"/>
        <c:majorTickMark val="none"/>
        <c:minorTickMark val="none"/>
        <c:tickLblPos val="nextTo"/>
        <c:crossAx val="767512336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9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 kern="1200" cap="all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64" kern="1200" cap="all" spc="120" normalizeH="0" baseline="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lt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defRPr sz="1197" b="0" i="0" u="none" strike="noStrike" kern="1200" baseline="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2222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ln w="9525">
        <a:solidFill>
          <a:schemeClr val="phClr"/>
        </a:solidFill>
        <a:round/>
      </a:ln>
    </cs:spPr>
  </cs:dataPointMarker>
  <cs:dataPointMarkerLayout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15000"/>
            <a:lumOff val="8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2128" b="1" kern="1200" cap="all" spc="120" normalizeH="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064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15663</cdr:x>
      <cdr:y>0.0764</cdr:y>
    </cdr:from>
    <cdr:to>
      <cdr:x>0.84337</cdr:x>
      <cdr:y>0.20679</cdr:y>
    </cdr:to>
    <cdr:sp macro="" textlink="">
      <cdr:nvSpPr>
        <cdr:cNvPr id="2" name="TextBox 1"/>
        <cdr:cNvSpPr txBox="1"/>
      </cdr:nvSpPr>
      <cdr:spPr>
        <a:xfrm xmlns:a="http://schemas.openxmlformats.org/drawingml/2006/main">
          <a:off x="1206167" y="234448"/>
          <a:ext cx="5288627" cy="400110"/>
        </a:xfrm>
        <a:prstGeom xmlns:a="http://schemas.openxmlformats.org/drawingml/2006/main" prst="rect">
          <a:avLst/>
        </a:prstGeom>
        <a:noFill xmlns:a="http://schemas.openxmlformats.org/drawingml/2006/main"/>
      </cdr:spPr>
      <cdr:txBody>
        <a:bodyPr xmlns:a="http://schemas.openxmlformats.org/drawingml/2006/main" vertOverflow="clip" wrap="none" rtlCol="0">
          <a:spAutoFit/>
        </a:bodyPr>
        <a:lstStyle xmlns:a="http://schemas.openxmlformats.org/drawingml/2006/main"/>
        <a:p xmlns:a="http://schemas.openxmlformats.org/drawingml/2006/main">
          <a:r>
            <a:rPr lang="en-US" sz="2000" dirty="0" smtClean="0">
              <a:solidFill>
                <a:schemeClr val="accent3"/>
              </a:solidFill>
              <a:ea typeface="Franklin Gothic Medium Cond" charset="0"/>
              <a:cs typeface="Franklin Gothic Medium Cond" charset="0"/>
            </a:rPr>
            <a:t>Average Annual Cost Per Person Based on AWP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970938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F4BBCC3-92D8-442E-9EC8-1A7A0D4B2568}" type="datetimeFigureOut">
              <a:rPr lang="en-US" smtClean="0"/>
              <a:pPr/>
              <a:t>7/27/2021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970938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91A9F35-E28E-494D-BCF2-961D515C2849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18566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6B2AFEA-A713-4F2C-835B-4B8B334BC980}" type="datetimeFigureOut">
              <a:rPr lang="en-US" smtClean="0"/>
              <a:pPr/>
              <a:t>7/27/2021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6400" y="696913"/>
            <a:ext cx="6197600" cy="348615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1040" y="4415791"/>
            <a:ext cx="5608320" cy="418338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70938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FF358DD-2331-4943-859F-F60814B25F6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3659941"/>
      </p:ext>
    </p:extLst>
  </p:cSld>
  <p:clrMap bg1="lt1" tx1="dk1" bg2="lt2" tx2="dk2" accent1="accent1" accent2="accent2" accent3="accent3" accent4="accent4" accent5="accent5" accent6="accent6" hlink="hlink" folHlink="folHlink"/>
  <p:hf dt="0"/>
  <p:notesStyle>
    <a:lvl1pPr marL="0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006149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1200" kern="1200" dirty="0" smtClean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567469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413179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9996661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727801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06400" y="696913"/>
            <a:ext cx="6197600" cy="34861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438748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ctangle 23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651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9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727650" y="2805056"/>
            <a:ext cx="7694038" cy="754380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Printer-friendly cover option, title goes right here in sentence case</a:t>
            </a:r>
          </a:p>
        </p:txBody>
      </p:sp>
      <p:sp>
        <p:nvSpPr>
          <p:cNvPr id="30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727650" y="3695950"/>
            <a:ext cx="639850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 — keep to one line, 18pt</a:t>
            </a:r>
          </a:p>
        </p:txBody>
      </p:sp>
      <p:sp>
        <p:nvSpPr>
          <p:cNvPr id="31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727650" y="4020042"/>
            <a:ext cx="6392315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, presenter’s name or additional info here, 15pt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14" hasCustomPrompt="1"/>
          </p:nvPr>
        </p:nvSpPr>
        <p:spPr>
          <a:xfrm>
            <a:off x="727650" y="2421078"/>
            <a:ext cx="7694037" cy="26902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marR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all" spc="30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Eyebrow text here</a:t>
            </a:r>
          </a:p>
        </p:txBody>
      </p:sp>
      <p:pic>
        <p:nvPicPr>
          <p:cNvPr id="9" name="image" descr="{&quot;templafy&quot;:{&quot;id&quot;:&quot;0337006f-1376-40dc-9cc6-c628c73f6883&quot;}}">
            <a:extLst>
              <a:ext uri="{FF2B5EF4-FFF2-40B4-BE49-F238E27FC236}">
                <a16:creationId xmlns:a16="http://schemas.microsoft.com/office/drawing/2014/main" id="{15987DAA-20D7-463C-8EBF-1E10D13994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416108"/>
            <a:ext cx="1429200" cy="296559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9BFC415C-2F13-428A-9312-A8423603E72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C82457-B16A-4EED-B7FB-9116F9B222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7611920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4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1F0FC4-52F8-4C3D-AE8B-41B82F593B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3E1811-5C04-4EF4-934A-65B09D86CA5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8350278"/>
      </p:ext>
    </p:extLst>
  </p:cSld>
  <p:clrMapOvr>
    <a:masterClrMapping/>
  </p:clrMapOvr>
  <p:transition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514807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5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7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3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8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9740F9-D5DF-4FA3-9C2D-366025056B8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1">
            <a:extLst>
              <a:ext uri="{FF2B5EF4-FFF2-40B4-BE49-F238E27FC236}">
                <a16:creationId xmlns:a16="http://schemas.microsoft.com/office/drawing/2014/main" id="{7B0E0177-FFCC-4215-82A6-F6C107B13B4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5234354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text" descr="{&quot;templafy&quot;:{&quot;id&quot;:&quot;3a9edbbd-d8a6-49bb-9470-1d0aa40579cc&quot;}}">
            <a:extLst>
              <a:ext uri="{FF2B5EF4-FFF2-40B4-BE49-F238E27FC236}">
                <a16:creationId xmlns:a16="http://schemas.microsoft.com/office/drawing/2014/main" id="{F7B70EFE-DF8C-439E-A67A-DB10A2C4BFAC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55559457"/>
      </p:ext>
    </p:extLst>
  </p:cSld>
  <p:clrMapOvr>
    <a:masterClrMapping/>
  </p:clrMapOvr>
  <p:transition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065BA3D2-713C-46F2-B156-EBDA393A6DE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af3f7cb3-0305-403d-9d03-077d8c6697c3&quot;}}">
            <a:extLst>
              <a:ext uri="{FF2B5EF4-FFF2-40B4-BE49-F238E27FC236}">
                <a16:creationId xmlns:a16="http://schemas.microsoft.com/office/drawing/2014/main" id="{34AB10E7-FA6B-4145-9CD0-450AB97148E0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9744750"/>
      </p:ext>
    </p:extLst>
  </p:cSld>
  <p:clrMapOvr>
    <a:masterClrMapping/>
  </p:clrMapOvr>
  <p:transition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96B3ABA8-C231-594E-ABE0-23E87CA22A5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D23D2B-49AB-4E35-88DF-BF64F717199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1519f053-7e32-4cf3-8906-a2ec58be4dcb&quot;}}">
            <a:extLst>
              <a:ext uri="{FF2B5EF4-FFF2-40B4-BE49-F238E27FC236}">
                <a16:creationId xmlns:a16="http://schemas.microsoft.com/office/drawing/2014/main" id="{C67C1564-B6B2-4069-BABD-0795866C71E2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82331416"/>
      </p:ext>
    </p:extLst>
  </p:cSld>
  <p:clrMapOvr>
    <a:masterClrMapping/>
  </p:clrMapOvr>
  <p:transition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FDD92B6-87C8-FE46-B65B-AAF191518F6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9F7311-2189-4336-AB21-5F83C9964B6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31c7a272-ef9f-4dbf-9002-4a10710b0e96&quot;}}">
            <a:extLst>
              <a:ext uri="{FF2B5EF4-FFF2-40B4-BE49-F238E27FC236}">
                <a16:creationId xmlns:a16="http://schemas.microsoft.com/office/drawing/2014/main" id="{8CC40063-6EAE-4DD9-9E29-337E2F8C55B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20778143"/>
      </p:ext>
    </p:extLst>
  </p:cSld>
  <p:clrMapOvr>
    <a:masterClrMapping/>
  </p:clrMapOvr>
  <p:transition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851276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6EDB17-13FC-4D0B-811E-423842C99DA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0c222437-cce0-4d5f-889b-fc87b0c92d98&quot;}}">
            <a:extLst>
              <a:ext uri="{FF2B5EF4-FFF2-40B4-BE49-F238E27FC236}">
                <a16:creationId xmlns:a16="http://schemas.microsoft.com/office/drawing/2014/main" id="{AF0C58EA-89A5-4228-A93D-3B31447DADCA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3002593"/>
      </p:ext>
    </p:extLst>
  </p:cSld>
  <p:clrMapOvr>
    <a:masterClrMapping/>
  </p:clrMapOvr>
  <p:transition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DACD889E-F554-459E-8670-CFF45E8F3B4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2597c522-cf90-4246-9c5f-c58e9aca95fb&quot;}}">
            <a:extLst>
              <a:ext uri="{FF2B5EF4-FFF2-40B4-BE49-F238E27FC236}">
                <a16:creationId xmlns:a16="http://schemas.microsoft.com/office/drawing/2014/main" id="{B53AA721-44A2-407A-90B6-53A8B225DBA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6903787"/>
      </p:ext>
    </p:extLst>
  </p:cSld>
  <p:clrMapOvr>
    <a:masterClrMapping/>
  </p:clrMapOvr>
  <p:transition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FB786EEC-4A73-4B73-9365-0CD1B685F460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70d29b02-dbb1-4e69-b2bc-962e579a77be&quot;}}">
            <a:extLst>
              <a:ext uri="{FF2B5EF4-FFF2-40B4-BE49-F238E27FC236}">
                <a16:creationId xmlns:a16="http://schemas.microsoft.com/office/drawing/2014/main" id="{2C3535CE-462F-430A-961F-D8694379131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5628628"/>
      </p:ext>
    </p:extLst>
  </p:cSld>
  <p:clrMapOvr>
    <a:masterClrMapping/>
  </p:clrMapOvr>
  <p:transition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A8B7F152-E429-4498-81EA-A4C55F64D0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8A125A0-58C5-403F-B225-BBC69394318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text" descr="{&quot;templafy&quot;:{&quot;id&quot;:&quot;60a3799f-40dd-433c-9e34-a382a9177af6&quot;}}">
            <a:extLst>
              <a:ext uri="{FF2B5EF4-FFF2-40B4-BE49-F238E27FC236}">
                <a16:creationId xmlns:a16="http://schemas.microsoft.com/office/drawing/2014/main" id="{32936780-3611-4A9B-B6D3-66C5FFEE105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91706244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Picture Placeholder 2">
            <a:extLst>
              <a:ext uri="{FF2B5EF4-FFF2-40B4-BE49-F238E27FC236}">
                <a16:creationId xmlns:a16="http://schemas.microsoft.com/office/drawing/2014/main" id="{35A2D804-2C0E-423B-A87B-95B69B80287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14" name="Text Placeholder 113">
            <a:extLst>
              <a:ext uri="{FF2B5EF4-FFF2-40B4-BE49-F238E27FC236}">
                <a16:creationId xmlns:a16="http://schemas.microsoft.com/office/drawing/2014/main" id="{D3C981C2-DCBE-4679-A07E-077FFFC5E42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69913" y="565150"/>
            <a:ext cx="4578350" cy="4011613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2067150"/>
            <a:ext cx="4170336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0489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42898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829466"/>
            <a:ext cx="4141085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D28C75-EE1A-4D15-AFAC-8C2BEDF5736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7" name="Footer Placeholder 166">
            <a:extLst>
              <a:ext uri="{FF2B5EF4-FFF2-40B4-BE49-F238E27FC236}">
                <a16:creationId xmlns:a16="http://schemas.microsoft.com/office/drawing/2014/main" id="{9E4C7F4E-4505-44E0-9AD6-1643E45B00A5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87027249"/>
      </p:ext>
    </p:extLst>
  </p:cSld>
  <p:clrMapOvr>
    <a:masterClrMapping/>
  </p:clrMapOvr>
  <p:transition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Blu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14374"/>
            <a:ext cx="3791917" cy="369411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182BC65-6537-4850-8B68-D044ED39250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35E376-9C55-4153-BF32-C230DF97B2D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3910422"/>
      </p:ext>
    </p:extLst>
  </p:cSld>
  <p:clrMapOvr>
    <a:masterClrMapping/>
  </p:clrMapOvr>
  <p:transition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rang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F0866A-DEF7-4DBC-8AF0-542B5038B45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B79BC2-0DF1-4225-BEA8-0C74D1A3137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6292995"/>
      </p:ext>
    </p:extLst>
  </p:cSld>
  <p:clrMapOvr>
    <a:masterClrMapping/>
  </p:clrMapOvr>
  <p:transition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Teal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6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8CDE26-A2C5-4C3F-936E-23CEA294BC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73B1853-0B92-4249-8890-E24DE61DF72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987417"/>
      </p:ext>
    </p:extLst>
  </p:cSld>
  <p:clrMapOvr>
    <a:masterClrMapping/>
  </p:clrMapOvr>
  <p:transition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Purpl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233F200-8DCD-4231-9D0E-58DFCFFD288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5577E7-288F-4F99-ACD5-4372050DB37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7469685"/>
      </p:ext>
    </p:extLst>
  </p:cSld>
  <p:clrMapOvr>
    <a:masterClrMapping/>
  </p:clrMapOvr>
  <p:transition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334A75D0-A6AE-4624-9843-B16BDA9CB31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42a28ab3-cb15-4e04-9eb2-10b2d858469c&quot;}}">
            <a:extLst>
              <a:ext uri="{FF2B5EF4-FFF2-40B4-BE49-F238E27FC236}">
                <a16:creationId xmlns:a16="http://schemas.microsoft.com/office/drawing/2014/main" id="{B33984B9-7474-4809-9B3E-4F141910ADFE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92214586"/>
      </p:ext>
    </p:extLst>
  </p:cSld>
  <p:clrMapOvr>
    <a:masterClrMapping/>
  </p:clrMapOvr>
  <p:transition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0" y="0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EA7D613F-60B2-414A-8597-03A0B61258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" descr="{&quot;templafy&quot;:{&quot;id&quot;:&quot;295f7116-1724-475f-82ec-ba923674d8f7&quot;}}">
            <a:extLst>
              <a:ext uri="{FF2B5EF4-FFF2-40B4-BE49-F238E27FC236}">
                <a16:creationId xmlns:a16="http://schemas.microsoft.com/office/drawing/2014/main" id="{0F49367F-7476-40F1-BC59-66A6FA4A9E6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89744369"/>
      </p:ext>
    </p:extLst>
  </p:cSld>
  <p:clrMapOvr>
    <a:masterClrMapping/>
  </p:clrMapOvr>
  <p:transition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69402556-ACD3-4C6E-8B7C-82CBC7AB73A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63f2761b-e6d2-4cad-820b-4f40039020a4&quot;}}">
            <a:extLst>
              <a:ext uri="{FF2B5EF4-FFF2-40B4-BE49-F238E27FC236}">
                <a16:creationId xmlns:a16="http://schemas.microsoft.com/office/drawing/2014/main" id="{A8F36E88-DF1D-4780-93CB-E9FAD8ECEEC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53090221"/>
      </p:ext>
    </p:extLst>
  </p:cSld>
  <p:clrMapOvr>
    <a:masterClrMapping/>
  </p:clrMapOvr>
  <p:transition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B86BB4EB-DB41-4310-A4F5-85EBECEF48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8ffacec1-7d1f-4676-83f6-3e2e92eef689&quot;}}">
            <a:extLst>
              <a:ext uri="{FF2B5EF4-FFF2-40B4-BE49-F238E27FC236}">
                <a16:creationId xmlns:a16="http://schemas.microsoft.com/office/drawing/2014/main" id="{7B9DF84F-A909-4C57-99A1-B0AEB54560D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01051217"/>
      </p:ext>
    </p:extLst>
  </p:cSld>
  <p:clrMapOvr>
    <a:masterClrMapping/>
  </p:clrMapOvr>
  <p:transition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- Blue (Printer-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 – choose  different font color from color the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03612E-240C-4DA2-B109-B5749F874F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2242C8-9A96-416C-B10A-318A95905A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5622008"/>
      </p:ext>
    </p:extLst>
  </p:cSld>
  <p:clrMapOvr>
    <a:masterClrMapping/>
  </p:clrMapOvr>
  <p:transition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E17E090-7C02-4395-B5B1-9802B2BA6C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F64F1E5-6FD8-4E37-AD4E-4C2292CC1620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5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25C3CE0-1F70-484C-A879-378952C60E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E0C8518-2CD3-45AE-8AC9-7951A791A1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55C245F-B7BD-4AA5-A85C-0B5E1469D4C8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r>
              <a:rPr lang="en-US" dirty="0"/>
              <a:t>Click here and insert an image from Templafy</a:t>
            </a:r>
          </a:p>
        </p:txBody>
      </p:sp>
      <p:sp>
        <p:nvSpPr>
          <p:cNvPr id="20" name="Text Placeholder 113">
            <a:extLst>
              <a:ext uri="{FF2B5EF4-FFF2-40B4-BE49-F238E27FC236}">
                <a16:creationId xmlns:a16="http://schemas.microsoft.com/office/drawing/2014/main" id="{68591EA0-9A58-430C-8736-5FD07F615C6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132389" y="2600325"/>
            <a:ext cx="4041244" cy="133667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4" name="Text Placeholder 113">
            <a:extLst>
              <a:ext uri="{FF2B5EF4-FFF2-40B4-BE49-F238E27FC236}">
                <a16:creationId xmlns:a16="http://schemas.microsoft.com/office/drawing/2014/main" id="{FE8B47E7-2574-4631-B9B1-B7960CC95C0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25400" y="-6350"/>
            <a:ext cx="5173470" cy="2616199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2" name="Text Placeholder 113">
            <a:extLst>
              <a:ext uri="{FF2B5EF4-FFF2-40B4-BE49-F238E27FC236}">
                <a16:creationId xmlns:a16="http://schemas.microsoft.com/office/drawing/2014/main" id="{85DB2C28-657E-4866-8E21-87D3AA1B351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-25400" y="3926802"/>
            <a:ext cx="5173470" cy="1229398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846944"/>
            <a:ext cx="4044949" cy="1724806"/>
          </a:xfrm>
        </p:spPr>
        <p:txBody>
          <a:bodyPr anchor="ctr" anchorCtr="0"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644054" y="2970174"/>
            <a:ext cx="2930034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644055" y="3294266"/>
            <a:ext cx="2930034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4038600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1316584929"/>
      </p:ext>
    </p:extLst>
  </p:cSld>
  <p:clrMapOvr>
    <a:masterClrMapping/>
  </p:clrMapOvr>
  <p:transition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DD743-F21B-4A4E-BA1C-C6A1001A6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2D9D38E-A104-473E-AC93-774BA3F6079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B8EB22-6A66-4DDE-84BE-C8D66085B8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98397C-5B33-4BA1-A060-300651DFE4B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29C48E0-4E39-4BC9-BF19-BF7AFDCCCF9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1352550"/>
            <a:ext cx="3733800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90BF192-BD70-4B9C-92FF-C40916B646F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89475" y="1352550"/>
            <a:ext cx="373221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48782AA-3A05-40A3-B27E-F05BF25F221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7CFBA2-26A8-49F9-B444-9E127D5A65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C0ED2AF-4A99-4562-AA2F-27B7A5BE57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5E3B30D-CFA9-480E-B625-6A06C5282C9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3C14BD-E77A-4EC1-A903-7B4F4FA08F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316E14-B9AB-405D-8257-0102BDE6223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0492EB66-89F8-224A-88B1-4D611005A63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58E79A9-CF9B-4A26-922E-DFFDF1C639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621423-1840-4046-B672-659E8DAEB7C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02D1FB9-5CFC-4A05-9027-461E71526AE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ategory: 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082461B1-56E4-437B-BCDB-BF926D2E9D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C928CF-AB79-4A6C-B816-991A9C9B78D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77764A8-8CF1-4E26-A61D-E129C4A304CE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B4545DC-2C50-4064-9703-ACF1012BE7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CA640C-FDA7-4ADF-B926-31666A333C4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625A0C9-4640-49D7-8A80-BEC14EF72384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4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45227E6-BF05-4A01-867B-64A93AFD48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62D4973-8921-4947-81BC-BE51D45429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8791B37E-5044-4AF8-9C6E-4385167A23C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04E06E4-35A8-40DF-A890-9D91E07CE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70065AE-E4F6-4850-99AF-2C4096CA13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D0393BA6-DB3F-43CE-9DB9-7BBD5970E3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FE4B344-AD80-4F70-9402-FAAEFB6CD1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0A2891BE-54C9-473C-B449-D7E916BBDBC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9B10894-724B-4DE0-9CF1-32637DB9D02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1D6D1D-311D-4C13-A22B-226E4AA7C92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22A8B95-9BFA-4E1A-B9C5-D73F5485B0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846597-AD8B-4593-AD05-918558D5306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720725" y="1527910"/>
            <a:ext cx="7700963" cy="289327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123C288-91C7-4586-9E79-D5C31CB65B8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26BC2A-3625-4838-89B1-690989E9C1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9C12B07-EF83-4CC0-8BF1-98198A62BD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8D73B31-DBF0-44E4-86C1-79698A11B51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8A95B16-6043-4E6D-86D5-2B99920A51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2A79F9F2-3BE4-443B-81F5-A3658CA82177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001152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9" name="Text Placeholder 113">
            <a:extLst>
              <a:ext uri="{FF2B5EF4-FFF2-40B4-BE49-F238E27FC236}">
                <a16:creationId xmlns:a16="http://schemas.microsoft.com/office/drawing/2014/main" id="{259BAA65-02B0-4EBC-AC58-5120DEE48A2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34901" y="2609847"/>
            <a:ext cx="9049784" cy="256244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3040774"/>
            <a:ext cx="5103812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4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4078519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4402611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480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4854558"/>
      </p:ext>
    </p:extLst>
  </p:cSld>
  <p:clrMapOvr>
    <a:masterClrMapping/>
  </p:clrMapOvr>
  <p:transition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21F112A-BF04-4B10-A940-9F5795EA30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527910"/>
            <a:ext cx="3622675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6991E4F3-4DDB-42E7-9E9E-4F8B9BFAD262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527910"/>
            <a:ext cx="3621088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E218468-FB6F-4256-98C5-52BCE2174A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07190CF-9A35-4EBD-9DB0-672367A176A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5DFCB05-3203-4F70-8998-E16A62FB319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37C0B87-320E-42E4-BF32-026C81FB63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1AB6072-1C27-466F-AB0B-39A2FA55AE4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out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4"/>
          <p:cNvSpPr txBox="1">
            <a:spLocks/>
          </p:cNvSpPr>
          <p:nvPr userDrawn="1"/>
        </p:nvSpPr>
        <p:spPr>
          <a:xfrm>
            <a:off x="8686800" y="4833808"/>
            <a:ext cx="457200" cy="285750"/>
          </a:xfrm>
          <a:prstGeom prst="rect">
            <a:avLst/>
          </a:prstGeom>
        </p:spPr>
        <p:txBody>
          <a:bodyPr vert="horz" lIns="91428" tIns="45715" rIns="91428" bIns="45715" rtlCol="0" anchor="ctr"/>
          <a:lstStyle>
            <a:lvl1pPr marL="0" marR="0" indent="0" algn="ctr" defTabSz="914400" rtl="0" eaLnBrk="1" fontAlgn="auto" latinLnBrk="0" hangingPunct="1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800">
                <a:solidFill>
                  <a:schemeClr val="accent3"/>
                </a:solidFill>
                <a:latin typeface="Franklin Gothic Medium" pitchFamily="34" charset="0"/>
              </a:defRPr>
            </a:lvl1pPr>
          </a:lstStyle>
          <a:p>
            <a:pPr algn="ctr">
              <a:defRPr/>
            </a:pPr>
            <a:fld id="{0E2DA7D6-899D-4BE0-98D3-D2C39F0629BC}" type="slidenum">
              <a:rPr lang="en-US" sz="800" kern="1200" smtClean="0">
                <a:solidFill>
                  <a:schemeClr val="tx1">
                    <a:lumMod val="75000"/>
                    <a:lumOff val="25000"/>
                  </a:schemeClr>
                </a:solidFill>
                <a:latin typeface="+mj-lt"/>
                <a:ea typeface="+mn-ea"/>
                <a:cs typeface="+mn-cs"/>
              </a:rPr>
              <a:pPr algn="ctr">
                <a:defRPr/>
              </a:pPr>
              <a:t>‹#›</a:t>
            </a:fld>
            <a:endParaRPr lang="en-US" sz="800" kern="1200" dirty="0">
              <a:solidFill>
                <a:schemeClr val="tx1">
                  <a:lumMod val="75000"/>
                  <a:lumOff val="25000"/>
                </a:schemeClr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E9A3C10B-F006-E743-93A8-ABA8153E3AFD}"/>
              </a:ext>
            </a:extLst>
          </p:cNvPr>
          <p:cNvSpPr/>
          <p:nvPr userDrawn="1"/>
        </p:nvSpPr>
        <p:spPr>
          <a:xfrm>
            <a:off x="0" y="4230477"/>
            <a:ext cx="9144000" cy="913023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FAB81C6-4112-414F-B100-D40E0F023DF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B8FF733-4215-4C03-A1A5-11265DFB51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3162861"/>
      </p:ext>
    </p:extLst>
  </p:cSld>
  <p:clrMapOvr>
    <a:masterClrMapping/>
  </p:clrMapOvr>
  <p:transition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n't Use Any Layouts Past Thi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0" y="1"/>
            <a:ext cx="9144000" cy="5143499"/>
          </a:xfrm>
          <a:prstGeom prst="rect">
            <a:avLst/>
          </a:prstGeom>
          <a:solidFill>
            <a:srgbClr val="FF0000"/>
          </a:solidFill>
        </p:spPr>
        <p:txBody>
          <a:bodyPr wrap="none" lIns="91428" tIns="45715" rIns="91428" bIns="45715" anchor="ctr" anchorCtr="0">
            <a:noAutofit/>
          </a:bodyPr>
          <a:lstStyle/>
          <a:p>
            <a:pPr algn="ctr" defTabSz="914286" rtl="0" eaLnBrk="1" latinLnBrk="0" hangingPunct="1">
              <a:lnSpc>
                <a:spcPct val="85000"/>
              </a:lnSpc>
              <a:spcBef>
                <a:spcPct val="0"/>
              </a:spcBef>
              <a:buNone/>
            </a:pP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Don’t Use Any Layouts </a:t>
            </a:r>
            <a:b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</a:b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Past This Slide</a:t>
            </a:r>
            <a:endParaRPr lang="en-US" sz="6000" kern="1200" baseline="0" dirty="0">
              <a:solidFill>
                <a:schemeClr val="bg1"/>
              </a:solidFill>
              <a:latin typeface="+mj-lt"/>
              <a:ea typeface="+mj-ea"/>
              <a:cs typeface="+mj-cs"/>
            </a:endParaRPr>
          </a:p>
        </p:txBody>
      </p:sp>
    </p:spTree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83AF90E-C43F-4C65-AC57-34751F0B44D3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9144000" cy="4268788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pPr marL="0" marR="0" lvl="0" indent="0" algn="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2" name="Text Placeholder 113">
            <a:extLst>
              <a:ext uri="{FF2B5EF4-FFF2-40B4-BE49-F238E27FC236}">
                <a16:creationId xmlns:a16="http://schemas.microsoft.com/office/drawing/2014/main" id="{4749DE0B-86F6-49B6-9D99-93830AFC1B0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16933" y="-21166"/>
            <a:ext cx="5158655" cy="4293364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1528997"/>
            <a:ext cx="4170336" cy="1631293"/>
          </a:xfrm>
        </p:spPr>
        <p:txBody>
          <a:bodyPr anchor="ctr" anchorCtr="0"/>
          <a:lstStyle>
            <a:lvl1pPr>
              <a:lnSpc>
                <a:spcPct val="80000"/>
              </a:lnSpc>
              <a:defRPr sz="3400" baseline="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to three lines</a:t>
            </a:r>
          </a:p>
        </p:txBody>
      </p:sp>
      <p:sp>
        <p:nvSpPr>
          <p:cNvPr id="10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8883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51292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397148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2640910957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4850763" y="1988889"/>
            <a:ext cx="3572511" cy="1309396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Cover title in one to three lines goes right here</a:t>
            </a:r>
          </a:p>
        </p:txBody>
      </p:sp>
      <p:sp>
        <p:nvSpPr>
          <p:cNvPr id="22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4850763" y="3434799"/>
            <a:ext cx="357251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</a:t>
            </a:r>
          </a:p>
        </p:txBody>
      </p:sp>
      <p:sp>
        <p:nvSpPr>
          <p:cNvPr id="23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4850763" y="3745702"/>
            <a:ext cx="3572511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850763" y="586277"/>
            <a:ext cx="3572511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tx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457D8F5-2C2A-479E-8F55-338446A9DD0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20725" y="720724"/>
            <a:ext cx="3851275" cy="3700463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129801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6301648" y="4400550"/>
            <a:ext cx="2842352" cy="742950"/>
          </a:xfrm>
          <a:prstGeom prst="rect">
            <a:avLst/>
          </a:prstGeom>
          <a:solidFill>
            <a:schemeClr val="bg1"/>
          </a:solidFill>
        </p:spPr>
        <p:txBody>
          <a:bodyPr wrap="square" lIns="91428" tIns="91428" rIns="91428" bIns="91428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51" name="Slide Number Placeholder 3">
            <a:extLst>
              <a:ext uri="{FF2B5EF4-FFF2-40B4-BE49-F238E27FC236}">
                <a16:creationId xmlns:a16="http://schemas.microsoft.com/office/drawing/2014/main" id="{1B4E7A27-7D16-4530-A242-004B18287CF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59DE73-3B6E-4E29-8864-78E07FF8794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7" name="image" descr="{&quot;templafy&quot;:{&quot;id&quot;:&quot;94bd40d4-2832-4559-b775-4d8b4ebacb41&quot;}}">
            <a:extLst>
              <a:ext uri="{FF2B5EF4-FFF2-40B4-BE49-F238E27FC236}">
                <a16:creationId xmlns:a16="http://schemas.microsoft.com/office/drawing/2014/main" id="{2104AA13-1186-4423-B26E-7BFF73F4F24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92936" y="1935008"/>
            <a:ext cx="3880800" cy="805266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0" y="0"/>
            <a:ext cx="149196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4" name="TextBox 3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F086F0CF-0B30-4F45-8881-AB94201645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E86BEE7-2C43-4100-8B3A-DB781EA7C81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1350688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246E490C-196B-4B68-9D82-E7D7658434A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996279C-E9FB-4A71-A279-3073E3A3F23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5524393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20725" y="402405"/>
            <a:ext cx="7700963" cy="41148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A90E9E2-2375-4D5C-A595-9F9747AF0C3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86800" y="4748400"/>
            <a:ext cx="457200" cy="2844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tx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3CDEF60-6F13-4E09-BE95-E8C5A9D0F4C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20725" y="1352550"/>
            <a:ext cx="7700963" cy="306863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56" name="Footer Placeholder 55">
            <a:extLst>
              <a:ext uri="{FF2B5EF4-FFF2-40B4-BE49-F238E27FC236}">
                <a16:creationId xmlns:a16="http://schemas.microsoft.com/office/drawing/2014/main" id="{5E80B626-1ED7-4AE7-AB10-D8CF5CC1BFB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5185746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5" name="text" descr="{&quot;templafy&quot;:{&quot;id&quot;:&quot;5a140b8b-a50e-421a-8c42-5b4a8bb6b916&quot;}}">
            <a:extLst>
              <a:ext uri="{FF2B5EF4-FFF2-40B4-BE49-F238E27FC236}">
                <a16:creationId xmlns:a16="http://schemas.microsoft.com/office/drawing/2014/main" id="{C3050C25-B662-494C-A96B-8FFF9C8835F5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GB" sz="6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8" name="image" descr="{&quot;templafy&quot;:{&quot;id&quot;:&quot;5b8275bf-57c4-459d-94bd-0acbe14486a3&quot;}}">
            <a:extLst>
              <a:ext uri="{FF2B5EF4-FFF2-40B4-BE49-F238E27FC236}">
                <a16:creationId xmlns:a16="http://schemas.microsoft.com/office/drawing/2014/main" id="{4678DCFD-339A-4BC4-9091-13397EF75A60}"/>
              </a:ext>
            </a:extLst>
          </p:cNvPr>
          <p:cNvPicPr>
            <a:picLocks noChangeAspect="1"/>
          </p:cNvPicPr>
          <p:nvPr userDrawn="1"/>
        </p:nvPicPr>
        <p:blipFill>
          <a:blip r:embed="rId4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667754"/>
            <a:ext cx="1429200" cy="296559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74" r:id="rId2"/>
    <p:sldLayoutId id="2147483773" r:id="rId3"/>
    <p:sldLayoutId id="2147483775" r:id="rId4"/>
    <p:sldLayoutId id="2147483798" r:id="rId5"/>
    <p:sldLayoutId id="2147483777" r:id="rId6"/>
    <p:sldLayoutId id="2147483702" r:id="rId7"/>
    <p:sldLayoutId id="2147483710" r:id="rId8"/>
    <p:sldLayoutId id="2147483772" r:id="rId9"/>
    <p:sldLayoutId id="2147483771" r:id="rId10"/>
    <p:sldLayoutId id="2147483770" r:id="rId11"/>
    <p:sldLayoutId id="2147483741" r:id="rId12"/>
    <p:sldLayoutId id="2147483742" r:id="rId13"/>
    <p:sldLayoutId id="2147483743" r:id="rId14"/>
    <p:sldLayoutId id="2147483744" r:id="rId15"/>
    <p:sldLayoutId id="2147483782" r:id="rId16"/>
    <p:sldLayoutId id="2147483783" r:id="rId17"/>
    <p:sldLayoutId id="2147483784" r:id="rId18"/>
    <p:sldLayoutId id="2147483785" r:id="rId19"/>
    <p:sldLayoutId id="2147483786" r:id="rId20"/>
    <p:sldLayoutId id="2147483787" r:id="rId21"/>
    <p:sldLayoutId id="2147483788" r:id="rId22"/>
    <p:sldLayoutId id="2147483789" r:id="rId23"/>
    <p:sldLayoutId id="2147483791" r:id="rId24"/>
    <p:sldLayoutId id="2147483790" r:id="rId25"/>
    <p:sldLayoutId id="2147483792" r:id="rId26"/>
    <p:sldLayoutId id="2147483793" r:id="rId27"/>
    <p:sldLayoutId id="2147483794" r:id="rId28"/>
    <p:sldLayoutId id="2147483650" r:id="rId29"/>
    <p:sldLayoutId id="2147483692" r:id="rId30"/>
    <p:sldLayoutId id="2147483678" r:id="rId31"/>
    <p:sldLayoutId id="2147483664" r:id="rId32"/>
    <p:sldLayoutId id="2147483694" r:id="rId33"/>
    <p:sldLayoutId id="2147483705" r:id="rId34"/>
    <p:sldLayoutId id="2147483663" r:id="rId35"/>
    <p:sldLayoutId id="2147483693" r:id="rId36"/>
    <p:sldLayoutId id="2147483676" r:id="rId37"/>
    <p:sldLayoutId id="2147483665" r:id="rId38"/>
    <p:sldLayoutId id="2147483695" r:id="rId39"/>
    <p:sldLayoutId id="2147483677" r:id="rId40"/>
    <p:sldLayoutId id="2147483696" r:id="rId41"/>
    <p:sldLayoutId id="2147483778" r:id="rId42"/>
    <p:sldLayoutId id="2147483686" r:id="rId43"/>
  </p:sldLayoutIdLst>
  <p:transition/>
  <p:hf hdr="0" dt="0"/>
  <p:txStyles>
    <p:titleStyle>
      <a:lvl1pPr algn="l" defTabSz="914286" rtl="0" eaLnBrk="1" latinLnBrk="0" hangingPunct="1">
        <a:lnSpc>
          <a:spcPct val="85000"/>
        </a:lnSpc>
        <a:spcBef>
          <a:spcPct val="0"/>
        </a:spcBef>
        <a:buNone/>
        <a:defRPr sz="3200" kern="1200">
          <a:solidFill>
            <a:schemeClr val="tx2"/>
          </a:solidFill>
          <a:latin typeface="+mn-lt"/>
          <a:ea typeface="+mj-ea"/>
          <a:cs typeface="+mj-cs"/>
        </a:defRPr>
      </a:lvl1pPr>
    </p:titleStyle>
    <p:bodyStyle>
      <a:lvl1pPr marL="179055" indent="-179055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accent3"/>
        </a:buClr>
        <a:buFont typeface="Franklin Gothic Book" pitchFamily="34" charset="0"/>
        <a:buChar char="•"/>
        <a:defRPr lang="en-US" sz="2000" kern="1200" dirty="0" smtClean="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tx2"/>
        </a:buClr>
        <a:buFont typeface="Franklin Gothic Book" pitchFamily="34" charset="0"/>
        <a:buChar char="•"/>
        <a:defRPr lang="en-US" sz="1800" kern="120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216000" algn="l" defTabSz="914286" rtl="0" eaLnBrk="1" latinLnBrk="0" hangingPunct="1">
        <a:spcBef>
          <a:spcPts val="600"/>
        </a:spcBef>
        <a:buFont typeface="Franklin Gothic Book" panose="020B05030201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72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–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900000" indent="-216000" algn="l" defTabSz="914286" rtl="0" eaLnBrk="1" latinLnBrk="0" hangingPunct="1">
        <a:spcBef>
          <a:spcPts val="600"/>
        </a:spcBef>
        <a:buFont typeface="Franklin Gothic Book" pitchFamily="34" charset="0"/>
        <a:buChar char="»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286" rtl="0" eaLnBrk="1" latinLnBrk="0" hangingPunct="1">
        <a:spcBef>
          <a:spcPts val="600"/>
        </a:spcBef>
        <a:buClr>
          <a:schemeClr val="accent3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286" rtl="0" eaLnBrk="1" latinLnBrk="0" hangingPunct="1">
        <a:spcBef>
          <a:spcPts val="600"/>
        </a:spcBef>
        <a:buClr>
          <a:schemeClr val="accent1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286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429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572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715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857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01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 userDrawn="1">
          <p15:clr>
            <a:srgbClr val="F26B43"/>
          </p15:clr>
        </p15:guide>
        <p15:guide id="2" pos="2880" userDrawn="1">
          <p15:clr>
            <a:srgbClr val="F26B43"/>
          </p15:clr>
        </p15:guide>
        <p15:guide id="3" pos="454" userDrawn="1">
          <p15:clr>
            <a:srgbClr val="F26B43"/>
          </p15:clr>
        </p15:guide>
        <p15:guide id="4" orient="horz" pos="454" userDrawn="1">
          <p15:clr>
            <a:srgbClr val="F26B43"/>
          </p15:clr>
        </p15:guide>
        <p15:guide id="5" pos="5305" userDrawn="1">
          <p15:clr>
            <a:srgbClr val="F26B43"/>
          </p15:clr>
        </p15:guide>
        <p15:guide id="6" orient="horz" pos="2785" userDrawn="1">
          <p15:clr>
            <a:srgbClr val="F26B43"/>
          </p15:clr>
        </p15:guide>
        <p15:guide id="9" orient="horz" pos="8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/>
          <p:cNvPicPr>
            <a:picLocks noGrp="1" noChangeAspect="1"/>
          </p:cNvPicPr>
          <p:nvPr>
            <p:ph type="pic" sz="quarter" idx="21"/>
          </p:nvPr>
        </p:nvPicPr>
        <p:blipFill>
          <a:blip r:embed="rId5"/>
          <a:srcRect t="8515" b="8515"/>
          <a:stretch>
            <a:fillRect/>
          </a:stretch>
        </p:blipFill>
        <p:spPr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4169F29-978F-42F3-8A83-32DB172FEEF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ctrTitle"/>
          </p:nvPr>
        </p:nvSpPr>
        <p:spPr>
          <a:xfrm>
            <a:off x="579323" y="871744"/>
            <a:ext cx="4170336" cy="1631293"/>
          </a:xfrm>
        </p:spPr>
        <p:txBody>
          <a:bodyPr/>
          <a:lstStyle/>
          <a:p>
            <a:r>
              <a:rPr lang="en-US" dirty="0"/>
              <a:t>Refocusing the conversation on pharmaceutical affordability</a:t>
            </a:r>
          </a:p>
        </p:txBody>
      </p:sp>
      <p:sp>
        <p:nvSpPr>
          <p:cNvPr id="6" name="Subtitle 5"/>
          <p:cNvSpPr>
            <a:spLocks noGrp="1"/>
          </p:cNvSpPr>
          <p:nvPr>
            <p:ph type="subTitle" idx="1"/>
          </p:nvPr>
        </p:nvSpPr>
        <p:spPr>
          <a:xfrm>
            <a:off x="579323" y="2683875"/>
            <a:ext cx="4167766" cy="300038"/>
          </a:xfrm>
        </p:spPr>
        <p:txBody>
          <a:bodyPr>
            <a:noAutofit/>
          </a:bodyPr>
          <a:lstStyle/>
          <a:p>
            <a:pPr>
              <a:spcBef>
                <a:spcPts val="0"/>
              </a:spcBef>
            </a:pPr>
            <a:r>
              <a:rPr lang="en-US" dirty="0" smtClean="0"/>
              <a:t>Matt Perlberg</a:t>
            </a:r>
          </a:p>
          <a:p>
            <a:pPr>
              <a:spcBef>
                <a:spcPts val="0"/>
              </a:spcBef>
            </a:pPr>
            <a:r>
              <a:rPr lang="en-US" dirty="0" smtClean="0"/>
              <a:t>Senior Vice President, Supply Chain</a:t>
            </a:r>
          </a:p>
          <a:p>
            <a:pPr>
              <a:spcBef>
                <a:spcPts val="0"/>
              </a:spcBef>
            </a:pPr>
            <a:r>
              <a:rPr lang="en-US" dirty="0" smtClean="0"/>
              <a:t>Express Scripts</a:t>
            </a:r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/>
          </p:nvPr>
        </p:nvSpPr>
        <p:spPr>
          <a:xfrm>
            <a:off x="579323" y="3767450"/>
            <a:ext cx="4167766" cy="286849"/>
          </a:xfrm>
        </p:spPr>
        <p:txBody>
          <a:bodyPr>
            <a:normAutofit/>
          </a:bodyPr>
          <a:lstStyle/>
          <a:p>
            <a:r>
              <a:rPr lang="en-US" dirty="0" smtClean="0"/>
              <a:t>July </a:t>
            </a:r>
            <a:r>
              <a:rPr lang="en-US" dirty="0" smtClean="0"/>
              <a:t>27, </a:t>
            </a:r>
            <a:r>
              <a:rPr lang="en-US" dirty="0" smtClean="0"/>
              <a:t>2021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4656548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/>
          <p:cNvSpPr>
            <a:spLocks noGrp="1"/>
          </p:cNvSpPr>
          <p:nvPr>
            <p:ph type="subTitle" idx="1"/>
          </p:nvPr>
        </p:nvSpPr>
        <p:spPr>
          <a:xfrm>
            <a:off x="5292724" y="708024"/>
            <a:ext cx="3622676" cy="3700463"/>
          </a:xfrm>
        </p:spPr>
        <p:txBody>
          <a:bodyPr/>
          <a:lstStyle/>
          <a:p>
            <a:r>
              <a:rPr lang="en-US" dirty="0" smtClean="0"/>
              <a:t>of total Medicare pharmacy claims are for generic medicines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362778" y="714374"/>
            <a:ext cx="3791917" cy="3694113"/>
          </a:xfrm>
        </p:spPr>
        <p:txBody>
          <a:bodyPr/>
          <a:lstStyle/>
          <a:p>
            <a:r>
              <a:rPr lang="en-US" sz="8800" dirty="0" smtClean="0"/>
              <a:t>~</a:t>
            </a:r>
            <a:r>
              <a:rPr lang="en-US" dirty="0" smtClean="0"/>
              <a:t>90</a:t>
            </a:r>
            <a:endParaRPr lang="en-US" dirty="0"/>
          </a:p>
        </p:txBody>
      </p:sp>
      <p:sp>
        <p:nvSpPr>
          <p:cNvPr id="2" name="Text Placeholder 1"/>
          <p:cNvSpPr>
            <a:spLocks noGrp="1"/>
          </p:cNvSpPr>
          <p:nvPr>
            <p:ph type="body" sz="quarter" idx="13"/>
          </p:nvPr>
        </p:nvSpPr>
        <p:spPr>
          <a:xfrm>
            <a:off x="3969531" y="1607218"/>
            <a:ext cx="1510059" cy="1632019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0234338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dirty="0" smtClean="0"/>
              <a:t>Many Categories Have High List Prices</a:t>
            </a:r>
            <a:r>
              <a:rPr lang="en-US" dirty="0"/>
              <a:t/>
            </a:r>
            <a:br>
              <a:rPr lang="en-US" dirty="0"/>
            </a:br>
            <a:endParaRPr lang="en-US" dirty="0"/>
          </a:p>
        </p:txBody>
      </p:sp>
      <p:graphicFrame>
        <p:nvGraphicFramePr>
          <p:cNvPr id="8" name="Content Placeholder 7"/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3293156377"/>
              </p:ext>
            </p:extLst>
          </p:nvPr>
        </p:nvGraphicFramePr>
        <p:xfrm>
          <a:off x="720724" y="1298019"/>
          <a:ext cx="7700963" cy="306863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9807131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/>
          <p:cNvSpPr>
            <a:spLocks noGrp="1"/>
          </p:cNvSpPr>
          <p:nvPr>
            <p:ph type="sldNum" sz="quarter" idx="4294967295"/>
          </p:nvPr>
        </p:nvSpPr>
        <p:spPr>
          <a:xfrm>
            <a:off x="8686800" y="4748213"/>
            <a:ext cx="457200" cy="284162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4</a:t>
            </a:fld>
            <a:endParaRPr lang="en-US" dirty="0"/>
          </a:p>
        </p:txBody>
      </p:sp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20BFE906-10A6-5149-9515-E2CDF24F561A}"/>
              </a:ext>
            </a:extLst>
          </p:cNvPr>
          <p:cNvGraphicFramePr>
            <a:graphicFrameLocks noGrp="1"/>
          </p:cNvGraphicFramePr>
          <p:nvPr>
            <p:extLst/>
          </p:nvPr>
        </p:nvGraphicFramePr>
        <p:xfrm>
          <a:off x="479549" y="1010239"/>
          <a:ext cx="4557399" cy="30503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969182">
                  <a:extLst>
                    <a:ext uri="{9D8B030D-6E8A-4147-A177-3AD203B41FA5}">
                      <a16:colId xmlns:a16="http://schemas.microsoft.com/office/drawing/2014/main" val="2581373397"/>
                    </a:ext>
                  </a:extLst>
                </a:gridCol>
                <a:gridCol w="1239864">
                  <a:extLst>
                    <a:ext uri="{9D8B030D-6E8A-4147-A177-3AD203B41FA5}">
                      <a16:colId xmlns:a16="http://schemas.microsoft.com/office/drawing/2014/main" val="3715138586"/>
                    </a:ext>
                  </a:extLst>
                </a:gridCol>
                <a:gridCol w="1348353">
                  <a:extLst>
                    <a:ext uri="{9D8B030D-6E8A-4147-A177-3AD203B41FA5}">
                      <a16:colId xmlns:a16="http://schemas.microsoft.com/office/drawing/2014/main" val="2153336946"/>
                    </a:ext>
                  </a:extLst>
                </a:gridCol>
              </a:tblGrid>
              <a:tr h="1096156">
                <a:tc>
                  <a:txBody>
                    <a:bodyPr/>
                    <a:lstStyle/>
                    <a:p>
                      <a:endParaRPr lang="en-US" sz="1600" dirty="0"/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Without Rebate</a:t>
                      </a:r>
                    </a:p>
                  </a:txBody>
                  <a:tcPr anchor="b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With </a:t>
                      </a:r>
                      <a:br>
                        <a:rPr lang="en-US" sz="1600" dirty="0"/>
                      </a:br>
                      <a:r>
                        <a:rPr lang="en-US" sz="1600" dirty="0"/>
                        <a:t>20% Rebate</a:t>
                      </a:r>
                    </a:p>
                  </a:txBody>
                  <a:tcPr anchor="b"/>
                </a:tc>
                <a:extLst>
                  <a:ext uri="{0D108BD9-81ED-4DB2-BD59-A6C34878D82A}">
                    <a16:rowId xmlns:a16="http://schemas.microsoft.com/office/drawing/2014/main" val="2637591106"/>
                  </a:ext>
                </a:extLst>
              </a:tr>
              <a:tr h="632734">
                <a:tc>
                  <a:txBody>
                    <a:bodyPr/>
                    <a:lstStyle/>
                    <a:p>
                      <a:r>
                        <a:rPr lang="en-US" sz="1600" dirty="0"/>
                        <a:t>List Pric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$100,00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$100,000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767373362"/>
                  </a:ext>
                </a:extLst>
              </a:tr>
              <a:tr h="632734">
                <a:tc>
                  <a:txBody>
                    <a:bodyPr/>
                    <a:lstStyle/>
                    <a:p>
                      <a:r>
                        <a:rPr lang="en-US" sz="1600" dirty="0"/>
                        <a:t>After Reb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$100,00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1600" dirty="0"/>
                        <a:t>$80,000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30971118"/>
                  </a:ext>
                </a:extLst>
              </a:tr>
              <a:tr h="688696">
                <a:tc>
                  <a:txBody>
                    <a:bodyPr/>
                    <a:lstStyle/>
                    <a:p>
                      <a:r>
                        <a:rPr lang="en-US" sz="1600" b="1" dirty="0"/>
                        <a:t>5% Beneficiary OOP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2000" b="1" dirty="0"/>
                        <a:t>$5,00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US" sz="2000" b="1" dirty="0"/>
                        <a:t>$4,000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704547300"/>
                  </a:ext>
                </a:extLst>
              </a:tr>
            </a:tbl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AF708A57-5022-184E-905E-56FCFBBD8378}"/>
              </a:ext>
            </a:extLst>
          </p:cNvPr>
          <p:cNvSpPr/>
          <p:nvPr/>
        </p:nvSpPr>
        <p:spPr>
          <a:xfrm>
            <a:off x="5284919" y="1010238"/>
            <a:ext cx="3394129" cy="3050320"/>
          </a:xfrm>
          <a:prstGeom prst="rect">
            <a:avLst/>
          </a:prstGeom>
          <a:solidFill>
            <a:schemeClr val="accent3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52415F1-9952-DC43-92BC-DD4410107BF0}"/>
              </a:ext>
            </a:extLst>
          </p:cNvPr>
          <p:cNvSpPr/>
          <p:nvPr/>
        </p:nvSpPr>
        <p:spPr>
          <a:xfrm>
            <a:off x="5477245" y="2287425"/>
            <a:ext cx="2973204" cy="156966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2400" b="1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$4,000 </a:t>
            </a:r>
            <a: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is better than </a:t>
            </a:r>
            <a:r>
              <a:rPr lang="en-US" sz="2400" b="1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$5,000</a:t>
            </a:r>
            <a: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, but it is </a:t>
            </a:r>
            <a:b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</a:br>
            <a: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still not affordable </a:t>
            </a:r>
            <a:b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</a:br>
            <a:r>
              <a:rPr lang="en-US" sz="2400" dirty="0">
                <a:solidFill>
                  <a:schemeClr val="bg1"/>
                </a:solidFill>
                <a:latin typeface="Franklin Gothic Book" panose="020B0503020102020204" pitchFamily="34" charset="0"/>
                <a:ea typeface="Franklin Gothic Medium Cond" panose="020B0606030402020204" pitchFamily="34" charset="0"/>
                <a:cs typeface="Franklin Gothic Medium Cond" panose="020B0606030402020204" pitchFamily="34" charset="0"/>
              </a:rPr>
              <a:t>for beneficiaries </a:t>
            </a:r>
            <a:endParaRPr lang="en-US" sz="2400" dirty="0">
              <a:solidFill>
                <a:schemeClr val="bg1"/>
              </a:solidFill>
              <a:effectLst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8D396AF0-9417-FC4B-8B86-4F2607226ADB}"/>
              </a:ext>
            </a:extLst>
          </p:cNvPr>
          <p:cNvGrpSpPr/>
          <p:nvPr/>
        </p:nvGrpSpPr>
        <p:grpSpPr>
          <a:xfrm>
            <a:off x="5608346" y="1324339"/>
            <a:ext cx="838947" cy="840334"/>
            <a:chOff x="6073297" y="1324339"/>
            <a:chExt cx="838947" cy="840334"/>
          </a:xfrm>
        </p:grpSpPr>
        <p:sp>
          <p:nvSpPr>
            <p:cNvPr id="5" name="Oval 4">
              <a:extLst>
                <a:ext uri="{FF2B5EF4-FFF2-40B4-BE49-F238E27FC236}">
                  <a16:creationId xmlns:a16="http://schemas.microsoft.com/office/drawing/2014/main" id="{AA88BB71-4EE7-B946-8707-9EB75A311A0B}"/>
                </a:ext>
              </a:extLst>
            </p:cNvPr>
            <p:cNvSpPr/>
            <p:nvPr/>
          </p:nvSpPr>
          <p:spPr>
            <a:xfrm>
              <a:off x="6119791" y="1386333"/>
              <a:ext cx="730459" cy="730459"/>
            </a:xfrm>
            <a:prstGeom prst="ellipse">
              <a:avLst/>
            </a:prstGeom>
            <a:solidFill>
              <a:schemeClr val="accent1"/>
            </a:solidFill>
          </p:spPr>
          <p:txBody>
            <a:bodyPr wrap="square" lIns="91440" tIns="91440" rIns="91440" bIns="91440" rtlCol="0" anchor="ctr">
              <a:noAutofit/>
            </a:bodyPr>
            <a:lstStyle/>
            <a:p>
              <a:pPr algn="ctr">
                <a:lnSpc>
                  <a:spcPct val="90000"/>
                </a:lnSpc>
                <a:spcAft>
                  <a:spcPts val="700"/>
                </a:spcAft>
              </a:pPr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9" name="Freeform 8">
              <a:extLst>
                <a:ext uri="{FF2B5EF4-FFF2-40B4-BE49-F238E27FC236}">
                  <a16:creationId xmlns:a16="http://schemas.microsoft.com/office/drawing/2014/main" id="{51BEE70F-14FF-4D42-A1AA-44086F5290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73297" y="1324339"/>
              <a:ext cx="838947" cy="840334"/>
            </a:xfrm>
            <a:custGeom>
              <a:avLst/>
              <a:gdLst>
                <a:gd name="T0" fmla="*/ 99 w 197"/>
                <a:gd name="T1" fmla="*/ 0 h 197"/>
                <a:gd name="T2" fmla="*/ 0 w 197"/>
                <a:gd name="T3" fmla="*/ 99 h 197"/>
                <a:gd name="T4" fmla="*/ 99 w 197"/>
                <a:gd name="T5" fmla="*/ 197 h 197"/>
                <a:gd name="T6" fmla="*/ 197 w 197"/>
                <a:gd name="T7" fmla="*/ 99 h 197"/>
                <a:gd name="T8" fmla="*/ 99 w 197"/>
                <a:gd name="T9" fmla="*/ 0 h 197"/>
                <a:gd name="T10" fmla="*/ 125 w 197"/>
                <a:gd name="T11" fmla="*/ 78 h 197"/>
                <a:gd name="T12" fmla="*/ 122 w 197"/>
                <a:gd name="T13" fmla="*/ 77 h 197"/>
                <a:gd name="T14" fmla="*/ 101 w 197"/>
                <a:gd name="T15" fmla="*/ 57 h 197"/>
                <a:gd name="T16" fmla="*/ 101 w 197"/>
                <a:gd name="T17" fmla="*/ 87 h 197"/>
                <a:gd name="T18" fmla="*/ 99 w 197"/>
                <a:gd name="T19" fmla="*/ 89 h 197"/>
                <a:gd name="T20" fmla="*/ 96 w 197"/>
                <a:gd name="T21" fmla="*/ 87 h 197"/>
                <a:gd name="T22" fmla="*/ 96 w 197"/>
                <a:gd name="T23" fmla="*/ 57 h 197"/>
                <a:gd name="T24" fmla="*/ 77 w 197"/>
                <a:gd name="T25" fmla="*/ 74 h 197"/>
                <a:gd name="T26" fmla="*/ 100 w 197"/>
                <a:gd name="T27" fmla="*/ 96 h 197"/>
                <a:gd name="T28" fmla="*/ 102 w 197"/>
                <a:gd name="T29" fmla="*/ 97 h 197"/>
                <a:gd name="T30" fmla="*/ 125 w 197"/>
                <a:gd name="T31" fmla="*/ 124 h 197"/>
                <a:gd name="T32" fmla="*/ 117 w 197"/>
                <a:gd name="T33" fmla="*/ 141 h 197"/>
                <a:gd name="T34" fmla="*/ 101 w 197"/>
                <a:gd name="T35" fmla="*/ 146 h 197"/>
                <a:gd name="T36" fmla="*/ 101 w 197"/>
                <a:gd name="T37" fmla="*/ 157 h 197"/>
                <a:gd name="T38" fmla="*/ 99 w 197"/>
                <a:gd name="T39" fmla="*/ 160 h 197"/>
                <a:gd name="T40" fmla="*/ 96 w 197"/>
                <a:gd name="T41" fmla="*/ 157 h 197"/>
                <a:gd name="T42" fmla="*/ 96 w 197"/>
                <a:gd name="T43" fmla="*/ 145 h 197"/>
                <a:gd name="T44" fmla="*/ 70 w 197"/>
                <a:gd name="T45" fmla="*/ 122 h 197"/>
                <a:gd name="T46" fmla="*/ 72 w 197"/>
                <a:gd name="T47" fmla="*/ 119 h 197"/>
                <a:gd name="T48" fmla="*/ 75 w 197"/>
                <a:gd name="T49" fmla="*/ 121 h 197"/>
                <a:gd name="T50" fmla="*/ 96 w 197"/>
                <a:gd name="T51" fmla="*/ 140 h 197"/>
                <a:gd name="T52" fmla="*/ 96 w 197"/>
                <a:gd name="T53" fmla="*/ 111 h 197"/>
                <a:gd name="T54" fmla="*/ 99 w 197"/>
                <a:gd name="T55" fmla="*/ 108 h 197"/>
                <a:gd name="T56" fmla="*/ 101 w 197"/>
                <a:gd name="T57" fmla="*/ 111 h 197"/>
                <a:gd name="T58" fmla="*/ 101 w 197"/>
                <a:gd name="T59" fmla="*/ 140 h 197"/>
                <a:gd name="T60" fmla="*/ 114 w 197"/>
                <a:gd name="T61" fmla="*/ 136 h 197"/>
                <a:gd name="T62" fmla="*/ 120 w 197"/>
                <a:gd name="T63" fmla="*/ 124 h 197"/>
                <a:gd name="T64" fmla="*/ 100 w 197"/>
                <a:gd name="T65" fmla="*/ 102 h 197"/>
                <a:gd name="T66" fmla="*/ 98 w 197"/>
                <a:gd name="T67" fmla="*/ 101 h 197"/>
                <a:gd name="T68" fmla="*/ 72 w 197"/>
                <a:gd name="T69" fmla="*/ 73 h 197"/>
                <a:gd name="T70" fmla="*/ 96 w 197"/>
                <a:gd name="T71" fmla="*/ 52 h 197"/>
                <a:gd name="T72" fmla="*/ 96 w 197"/>
                <a:gd name="T73" fmla="*/ 40 h 197"/>
                <a:gd name="T74" fmla="*/ 99 w 197"/>
                <a:gd name="T75" fmla="*/ 38 h 197"/>
                <a:gd name="T76" fmla="*/ 101 w 197"/>
                <a:gd name="T77" fmla="*/ 40 h 197"/>
                <a:gd name="T78" fmla="*/ 101 w 197"/>
                <a:gd name="T79" fmla="*/ 52 h 197"/>
                <a:gd name="T80" fmla="*/ 127 w 197"/>
                <a:gd name="T81" fmla="*/ 75 h 197"/>
                <a:gd name="T82" fmla="*/ 125 w 197"/>
                <a:gd name="T83" fmla="*/ 7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197" h="197">
                  <a:moveTo>
                    <a:pt x="99" y="0"/>
                  </a:moveTo>
                  <a:cubicBezTo>
                    <a:pt x="44" y="0"/>
                    <a:pt x="0" y="44"/>
                    <a:pt x="0" y="99"/>
                  </a:cubicBezTo>
                  <a:cubicBezTo>
                    <a:pt x="0" y="153"/>
                    <a:pt x="44" y="197"/>
                    <a:pt x="99" y="197"/>
                  </a:cubicBezTo>
                  <a:cubicBezTo>
                    <a:pt x="153" y="197"/>
                    <a:pt x="197" y="153"/>
                    <a:pt x="197" y="99"/>
                  </a:cubicBezTo>
                  <a:cubicBezTo>
                    <a:pt x="197" y="44"/>
                    <a:pt x="153" y="0"/>
                    <a:pt x="99" y="0"/>
                  </a:cubicBezTo>
                  <a:close/>
                  <a:moveTo>
                    <a:pt x="125" y="78"/>
                  </a:moveTo>
                  <a:cubicBezTo>
                    <a:pt x="124" y="79"/>
                    <a:pt x="123" y="78"/>
                    <a:pt x="122" y="77"/>
                  </a:cubicBezTo>
                  <a:cubicBezTo>
                    <a:pt x="119" y="64"/>
                    <a:pt x="113" y="58"/>
                    <a:pt x="101" y="57"/>
                  </a:cubicBezTo>
                  <a:cubicBezTo>
                    <a:pt x="101" y="87"/>
                    <a:pt x="101" y="87"/>
                    <a:pt x="101" y="87"/>
                  </a:cubicBezTo>
                  <a:cubicBezTo>
                    <a:pt x="101" y="88"/>
                    <a:pt x="100" y="89"/>
                    <a:pt x="99" y="89"/>
                  </a:cubicBezTo>
                  <a:cubicBezTo>
                    <a:pt x="97" y="89"/>
                    <a:pt x="96" y="88"/>
                    <a:pt x="96" y="87"/>
                  </a:cubicBezTo>
                  <a:cubicBezTo>
                    <a:pt x="96" y="57"/>
                    <a:pt x="96" y="57"/>
                    <a:pt x="96" y="57"/>
                  </a:cubicBezTo>
                  <a:cubicBezTo>
                    <a:pt x="83" y="57"/>
                    <a:pt x="78" y="65"/>
                    <a:pt x="77" y="74"/>
                  </a:cubicBezTo>
                  <a:cubicBezTo>
                    <a:pt x="77" y="82"/>
                    <a:pt x="79" y="87"/>
                    <a:pt x="100" y="96"/>
                  </a:cubicBezTo>
                  <a:cubicBezTo>
                    <a:pt x="102" y="97"/>
                    <a:pt x="102" y="97"/>
                    <a:pt x="102" y="97"/>
                  </a:cubicBezTo>
                  <a:cubicBezTo>
                    <a:pt x="121" y="105"/>
                    <a:pt x="126" y="111"/>
                    <a:pt x="125" y="124"/>
                  </a:cubicBezTo>
                  <a:cubicBezTo>
                    <a:pt x="125" y="131"/>
                    <a:pt x="122" y="137"/>
                    <a:pt x="117" y="141"/>
                  </a:cubicBezTo>
                  <a:cubicBezTo>
                    <a:pt x="112" y="144"/>
                    <a:pt x="107" y="145"/>
                    <a:pt x="101" y="146"/>
                  </a:cubicBezTo>
                  <a:cubicBezTo>
                    <a:pt x="101" y="157"/>
                    <a:pt x="101" y="157"/>
                    <a:pt x="101" y="157"/>
                  </a:cubicBezTo>
                  <a:cubicBezTo>
                    <a:pt x="101" y="159"/>
                    <a:pt x="100" y="160"/>
                    <a:pt x="99" y="160"/>
                  </a:cubicBezTo>
                  <a:cubicBezTo>
                    <a:pt x="97" y="160"/>
                    <a:pt x="96" y="159"/>
                    <a:pt x="96" y="157"/>
                  </a:cubicBezTo>
                  <a:cubicBezTo>
                    <a:pt x="96" y="145"/>
                    <a:pt x="96" y="145"/>
                    <a:pt x="96" y="145"/>
                  </a:cubicBezTo>
                  <a:cubicBezTo>
                    <a:pt x="82" y="144"/>
                    <a:pt x="74" y="137"/>
                    <a:pt x="70" y="122"/>
                  </a:cubicBezTo>
                  <a:cubicBezTo>
                    <a:pt x="69" y="121"/>
                    <a:pt x="70" y="119"/>
                    <a:pt x="72" y="119"/>
                  </a:cubicBezTo>
                  <a:cubicBezTo>
                    <a:pt x="73" y="118"/>
                    <a:pt x="75" y="119"/>
                    <a:pt x="75" y="121"/>
                  </a:cubicBezTo>
                  <a:cubicBezTo>
                    <a:pt x="78" y="133"/>
                    <a:pt x="84" y="139"/>
                    <a:pt x="96" y="140"/>
                  </a:cubicBezTo>
                  <a:cubicBezTo>
                    <a:pt x="96" y="111"/>
                    <a:pt x="96" y="111"/>
                    <a:pt x="96" y="111"/>
                  </a:cubicBezTo>
                  <a:cubicBezTo>
                    <a:pt x="96" y="109"/>
                    <a:pt x="97" y="108"/>
                    <a:pt x="99" y="108"/>
                  </a:cubicBezTo>
                  <a:cubicBezTo>
                    <a:pt x="100" y="108"/>
                    <a:pt x="101" y="109"/>
                    <a:pt x="101" y="111"/>
                  </a:cubicBezTo>
                  <a:cubicBezTo>
                    <a:pt x="101" y="140"/>
                    <a:pt x="101" y="140"/>
                    <a:pt x="101" y="140"/>
                  </a:cubicBezTo>
                  <a:cubicBezTo>
                    <a:pt x="106" y="140"/>
                    <a:pt x="110" y="139"/>
                    <a:pt x="114" y="136"/>
                  </a:cubicBezTo>
                  <a:cubicBezTo>
                    <a:pt x="118" y="133"/>
                    <a:pt x="120" y="129"/>
                    <a:pt x="120" y="124"/>
                  </a:cubicBezTo>
                  <a:cubicBezTo>
                    <a:pt x="120" y="115"/>
                    <a:pt x="119" y="110"/>
                    <a:pt x="100" y="102"/>
                  </a:cubicBezTo>
                  <a:cubicBezTo>
                    <a:pt x="98" y="101"/>
                    <a:pt x="98" y="101"/>
                    <a:pt x="98" y="101"/>
                  </a:cubicBezTo>
                  <a:cubicBezTo>
                    <a:pt x="77" y="92"/>
                    <a:pt x="71" y="86"/>
                    <a:pt x="72" y="73"/>
                  </a:cubicBezTo>
                  <a:cubicBezTo>
                    <a:pt x="72" y="61"/>
                    <a:pt x="82" y="52"/>
                    <a:pt x="96" y="52"/>
                  </a:cubicBezTo>
                  <a:cubicBezTo>
                    <a:pt x="96" y="40"/>
                    <a:pt x="96" y="40"/>
                    <a:pt x="96" y="40"/>
                  </a:cubicBezTo>
                  <a:cubicBezTo>
                    <a:pt x="96" y="39"/>
                    <a:pt x="97" y="38"/>
                    <a:pt x="99" y="38"/>
                  </a:cubicBezTo>
                  <a:cubicBezTo>
                    <a:pt x="100" y="38"/>
                    <a:pt x="101" y="39"/>
                    <a:pt x="101" y="40"/>
                  </a:cubicBezTo>
                  <a:cubicBezTo>
                    <a:pt x="101" y="52"/>
                    <a:pt x="101" y="52"/>
                    <a:pt x="101" y="52"/>
                  </a:cubicBezTo>
                  <a:cubicBezTo>
                    <a:pt x="115" y="53"/>
                    <a:pt x="124" y="61"/>
                    <a:pt x="127" y="75"/>
                  </a:cubicBezTo>
                  <a:cubicBezTo>
                    <a:pt x="128" y="77"/>
                    <a:pt x="127" y="78"/>
                    <a:pt x="125" y="78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</p:spTree>
    <p:extLst>
      <p:ext uri="{BB962C8B-B14F-4D97-AF65-F5344CB8AC3E}">
        <p14:creationId xmlns:p14="http://schemas.microsoft.com/office/powerpoint/2010/main" val="705506853"/>
      </p:ext>
    </p:extLst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How We Can Meaningfully and Effectively Lower Costs</a:t>
            </a:r>
            <a:endParaRPr lang="en-US" dirty="0"/>
          </a:p>
        </p:txBody>
      </p:sp>
      <p:sp>
        <p:nvSpPr>
          <p:cNvPr id="7" name="Content Placeholder 6"/>
          <p:cNvSpPr>
            <a:spLocks noGrp="1"/>
          </p:cNvSpPr>
          <p:nvPr>
            <p:ph sz="quarter" idx="10"/>
          </p:nvPr>
        </p:nvSpPr>
        <p:spPr>
          <a:xfrm>
            <a:off x="720725" y="1682750"/>
            <a:ext cx="7700963" cy="2609850"/>
          </a:xfrm>
        </p:spPr>
        <p:txBody>
          <a:bodyPr>
            <a:normAutofit/>
          </a:bodyPr>
          <a:lstStyle/>
          <a:p>
            <a:pPr marL="457200" indent="-457200">
              <a:buFont typeface="+mj-lt"/>
              <a:buAutoNum type="arabicPeriod"/>
            </a:pPr>
            <a:r>
              <a:rPr lang="en-US" sz="2800" dirty="0" smtClean="0"/>
              <a:t>Biosimilars and generics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800" dirty="0" smtClean="0"/>
              <a:t>Ending patent abuse and pay for delay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800" dirty="0" smtClean="0"/>
              <a:t>Value-based programs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800" dirty="0" smtClean="0"/>
              <a:t>Flexible formulary design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800" dirty="0" smtClean="0"/>
              <a:t>Benefit designs that limit patient OOP exposure</a:t>
            </a:r>
            <a:endParaRPr lang="en-US" sz="28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57699198"/>
      </p:ext>
    </p:extLst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F69D4D-017D-4D54-8F90-F81F3B8978D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42F2187-F872-43B9-8400-2DB8AC9EF4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5185746"/>
            <a:ext cx="0" cy="0"/>
          </a:xfrm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84904508"/>
      </p:ext>
    </p:extLst>
  </p:cSld>
  <p:clrMapOvr>
    <a:masterClrMapping/>
  </p:clrMapOvr>
  <p:transition/>
</p:sld>
</file>

<file path=ppt/theme/theme1.xml><?xml version="1.0" encoding="utf-8"?>
<a:theme xmlns:a="http://schemas.openxmlformats.org/drawingml/2006/main" name="Express Scripts">
  <a:themeElements>
    <a:clrScheme name="Final 2018 ES Color Theme">
      <a:dk1>
        <a:srgbClr val="000000"/>
      </a:dk1>
      <a:lt1>
        <a:srgbClr val="FFFFFF"/>
      </a:lt1>
      <a:dk2>
        <a:srgbClr val="009BDF"/>
      </a:dk2>
      <a:lt2>
        <a:srgbClr val="E5E5E5"/>
      </a:lt2>
      <a:accent1>
        <a:srgbClr val="009BDF"/>
      </a:accent1>
      <a:accent2>
        <a:srgbClr val="14568D"/>
      </a:accent2>
      <a:accent3>
        <a:srgbClr val="F86C06"/>
      </a:accent3>
      <a:accent4>
        <a:srgbClr val="15A3A7"/>
      </a:accent4>
      <a:accent5>
        <a:srgbClr val="99CA3C"/>
      </a:accent5>
      <a:accent6>
        <a:srgbClr val="973893"/>
      </a:accent6>
      <a:hlink>
        <a:srgbClr val="0000FF"/>
      </a:hlink>
      <a:folHlink>
        <a:srgbClr val="840C4A"/>
      </a:folHlink>
    </a:clrScheme>
    <a:fontScheme name="Express Scripts">
      <a:majorFont>
        <a:latin typeface="Franklin Gothic Medium"/>
        <a:ea typeface=""/>
        <a:cs typeface=""/>
      </a:majorFont>
      <a:minorFont>
        <a:latin typeface="Franklin Gothic Boo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</a:spPr>
      <a:bodyPr wrap="square" lIns="91440" tIns="91440" rIns="91440" bIns="91440" rtlCol="0" anchor="ctr">
        <a:noAutofit/>
      </a:bodyPr>
      <a:lstStyle>
        <a:defPPr algn="ctr">
          <a:lnSpc>
            <a:spcPct val="90000"/>
          </a:lnSpc>
          <a:spcAft>
            <a:spcPts val="700"/>
          </a:spcAft>
          <a:defRPr dirty="0" err="1" smtClean="0">
            <a:solidFill>
              <a:schemeClr val="bg1"/>
            </a:solidFill>
          </a:defRPr>
        </a:defPPr>
      </a:lstStyle>
    </a:spDef>
    <a:txDef>
      <a:spPr>
        <a:noFill/>
      </a:spPr>
      <a:bodyPr wrap="square" rtlCol="0">
        <a:spAutoFit/>
      </a:bodyPr>
      <a:lstStyle>
        <a:defPPr>
          <a:defRPr dirty="0" smtClean="0">
            <a:ea typeface="Franklin Gothic Medium Cond" charset="0"/>
            <a:cs typeface="Franklin Gothic Medium Cond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S_CFB_16_9_PPT_Template_Whitebgrd_2019.pptx" id="{983B724A-304D-4BB9-9F8F-4A58341FF3C3}" vid="{95F05469-BDA3-45CD-8C5F-6368C5305A6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shape","id":"5a140b8b-a50e-421a-8c42-5b4a8bb6b916","elementConfiguration":{"binding":"Form.Cigna_Confidentiality.ExpressConfidentiality","disableUpdates":false,"type":"text"}},{"type":"shape","id":"5b8275bf-57c4-459d-94bd-0acbe14486a3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af3f7cb3-0305-403d-9d03-077d8c6697c3","elementConfiguration":{"binding":"Form.Cigna_Confidentiality.ExpressConfidentiality","disableUpdates":false,"type":"text"}},{"type":"shape","id":"70d29b02-dbb1-4e69-b2bc-962e579a77be","elementConfiguration":{"binding":"Form.Cigna_Confidentiality.ExpressConfidentiality","disableUpdates":false,"type":"text"}},{"type":"shape","id":"63f2761b-e6d2-4cad-820b-4f40039020a4","elementConfiguration":{"binding":"Form.Cigna_Confidentiality.ExpressConfidentiality","disableUpdates":false,"type":"text"}},{"type":"shape","id":"94bd40d4-2832-4559-b775-4d8b4ebacb41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3a9edbbd-d8a6-49bb-9470-1d0aa40579cc","elementConfiguration":{"binding":"Form.Cigna_Confidentiality.ExpressConfidentiality","disableUpdates":false,"type":"text"}},{"type":"shape","id":"2597c522-cf90-4246-9c5f-c58e9aca95fb","elementConfiguration":{"binding":"Form.Cigna_Confidentiality.ExpressConfidentiality","disableUpdates":false,"type":"text"}},{"type":"shape","id":"295f7116-1724-475f-82ec-ba923674d8f7","elementConfiguration":{"binding":"Form.Cigna_Confidentiality.ExpressConfidentiality","disableUpdates":false,"type":"text"}},{"type":"shape","id":"0c222437-cce0-4d5f-889b-fc87b0c92d98","elementConfiguration":{"binding":"Form.Cigna_Confidentiality.ExpressConfidentiality","disableUpdates":false,"type":"text"}},{"type":"shape","id":"0337006f-1376-40dc-9cc6-c628c73f6883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42a28ab3-cb15-4e04-9eb2-10b2d858469c","elementConfiguration":{"binding":"Form.Cigna_Confidentiality.ExpressConfidentiality","disableUpdates":false,"type":"text"}},{"type":"shape","id":"31c7a272-ef9f-4dbf-9002-4a10710b0e96","elementConfiguration":{"binding":"Form.Cigna_Confidentiality.ExpressConfidentiality","disableUpdates":false,"type":"text"}},{"type":"shape","id":"60a3799f-40dd-433c-9e34-a382a9177af6","elementConfiguration":{"binding":"Form.Cigna_Confidentiality.ExpressConfidentiality","disableUpdates":false,"type":"text"}},{"type":"shape","id":"1519f053-7e32-4cf3-8906-a2ec58be4dcb","elementConfiguration":{"binding":"Form.Cigna_Confidentiality.ExpressConfidentiality","disableUpdates":false,"type":"text"}},{"type":"shape","id":"8ffacec1-7d1f-4676-83f6-3e2e92eef689","elementConfiguration":{"binding":"Form.Cigna_Confidentiality.ExpressConfidentiality","disableUpdates":false,"type":"text"}}],"transformationConfigurations":[],"templateName":"","templateDescription":"","enableDocumentContentUpdater":false,"version":"1.12"}]]></TemplafyTemplateConfiguration>
</file>

<file path=customXml/item3.xml><?xml version="1.0" encoding="utf-8"?>
<TemplafySlideTemplateConfiguration><![CDATA[{"slideVersion":0,"isValidatorEnabled":false,"isLocked":false,"elementsMetadata":[],"slideId":"637563278141338742","enableDocumentContentUpdater":false,"version":"1.1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
</file>

<file path=customXml/item7.xml><?xml version="1.0" encoding="utf-8"?>
<TemplafySlideTemplateConfiguration><![CDATA[{"slideVersion":0,"isValidatorEnabled":false,"isLocked":false,"elementsMetadata":[],"slideId":"637563278139307525","enableDocumentContentUpdater":false,"version":"1.12"}]]></TemplafySlideTemplateConfiguration>
</file>

<file path=customXml/item8.xml><?xml version="1.0" encoding="utf-8"?>
<sisl xmlns:xsi="http://www.w3.org/2001/XMLSchema-instance" xmlns:xsd="http://www.w3.org/2001/XMLSchema" xmlns="http://www.boldonjames.com/2008/01/sie/internal/label" sislVersion="0" policy="06dbc50a-7c40-497c-8ead-392c4a2b388e" origin="userSelected">
  <element uid="3a0f620a-74f7-4504-a030-448d9ea0e08a" value=""/>
  <element uid="id_classification_nonbusiness" value=""/>
  <element uid="0bf5a77d-3f3a-4e58-9a8a-1570d5e8454d" value=""/>
</sisl>
</file>

<file path=customXml/itemProps1.xml><?xml version="1.0" encoding="utf-8"?>
<ds:datastoreItem xmlns:ds="http://schemas.openxmlformats.org/officeDocument/2006/customXml" ds:itemID="{9630E63C-DA51-4767-8E77-4F63F773C3E5}">
  <ds:schemaRefs/>
</ds:datastoreItem>
</file>

<file path=customXml/itemProps2.xml><?xml version="1.0" encoding="utf-8"?>
<ds:datastoreItem xmlns:ds="http://schemas.openxmlformats.org/officeDocument/2006/customXml" ds:itemID="{3724AB78-343A-42BC-90A3-C25CCB1985C8}">
  <ds:schemaRefs/>
</ds:datastoreItem>
</file>

<file path=customXml/itemProps3.xml><?xml version="1.0" encoding="utf-8"?>
<ds:datastoreItem xmlns:ds="http://schemas.openxmlformats.org/officeDocument/2006/customXml" ds:itemID="{2ACFA4EB-EB8F-4676-993D-556919914464}">
  <ds:schemaRefs/>
</ds:datastoreItem>
</file>

<file path=customXml/itemProps4.xml><?xml version="1.0" encoding="utf-8"?>
<ds:datastoreItem xmlns:ds="http://schemas.openxmlformats.org/officeDocument/2006/customXml" ds:itemID="{3AF4AA91-99A8-4B92-8939-B29ABAF08FDF}">
  <ds:schemaRefs/>
</ds:datastoreItem>
</file>

<file path=customXml/itemProps5.xml><?xml version="1.0" encoding="utf-8"?>
<ds:datastoreItem xmlns:ds="http://schemas.openxmlformats.org/officeDocument/2006/customXml" ds:itemID="{E31446BF-BA14-46FD-B341-7FE75FFE7A18}">
  <ds:schemaRefs/>
</ds:datastoreItem>
</file>

<file path=customXml/itemProps6.xml><?xml version="1.0" encoding="utf-8"?>
<ds:datastoreItem xmlns:ds="http://schemas.openxmlformats.org/officeDocument/2006/customXml" ds:itemID="{93ADB87F-ACB2-4869-8B8A-753F86C40DCF}">
  <ds:schemaRefs>
    <ds:schemaRef ds:uri="http://www.w3.org/2001/XMLSchema"/>
    <ds:schemaRef ds:uri="http://www.boldonjames.com/2008/01/sie/internal/label"/>
  </ds:schemaRefs>
</ds:datastoreItem>
</file>

<file path=customXml/itemProps7.xml><?xml version="1.0" encoding="utf-8"?>
<ds:datastoreItem xmlns:ds="http://schemas.openxmlformats.org/officeDocument/2006/customXml" ds:itemID="{F7BB4D61-7FE8-4DC8-A622-D34565794EAC}">
  <ds:schemaRefs/>
</ds:datastoreItem>
</file>

<file path=customXml/itemProps8.xml><?xml version="1.0" encoding="utf-8"?>
<ds:datastoreItem xmlns:ds="http://schemas.openxmlformats.org/officeDocument/2006/customXml" ds:itemID="{95F1974D-2813-4ADA-874F-6C65DE0BAED9}">
  <ds:schemaRefs>
    <ds:schemaRef ds:uri="http://www.w3.org/2001/XMLSchema"/>
    <ds:schemaRef ds:uri="http://www.boldonjames.com/2008/01/sie/internal/label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19_Express_Scripts_16-9Whitebgrd_FINAL Template</Template>
  <TotalTime>0</TotalTime>
  <Words>132</Words>
  <Application>Microsoft Office PowerPoint</Application>
  <PresentationFormat>On-screen Show (16:9)</PresentationFormat>
  <Paragraphs>38</Paragraphs>
  <Slides>6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Century Gothic</vt:lpstr>
      <vt:lpstr>Franklin Gothic Book</vt:lpstr>
      <vt:lpstr>Franklin Gothic Demi Cond</vt:lpstr>
      <vt:lpstr>Franklin Gothic Medium</vt:lpstr>
      <vt:lpstr>Franklin Gothic Medium Cond</vt:lpstr>
      <vt:lpstr>Express Scripts</vt:lpstr>
      <vt:lpstr>Refocusing the conversation on pharmaceutical affordability</vt:lpstr>
      <vt:lpstr>~90</vt:lpstr>
      <vt:lpstr>Many Categories Have High List Prices </vt:lpstr>
      <vt:lpstr>PowerPoint Presentation</vt:lpstr>
      <vt:lpstr>How We Can Meaningfully and Effectively Lower Cost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4-12T10:47:38Z</dcterms:created>
  <dcterms:modified xsi:type="dcterms:W3CDTF">2021-07-27T17:03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5-04T08:41:14.8289412Z</vt:lpwstr>
  </property>
  <property fmtid="{D5CDD505-2E9C-101B-9397-08002B2CF9AE}" pid="3" name="TemplafyTenantId">
    <vt:lpwstr>cigna</vt:lpwstr>
  </property>
  <property fmtid="{D5CDD505-2E9C-101B-9397-08002B2CF9AE}" pid="4" name="TemplafyTemplateId">
    <vt:lpwstr>637563278124324038</vt:lpwstr>
  </property>
  <property fmtid="{D5CDD505-2E9C-101B-9397-08002B2CF9AE}" pid="5" name="TemplafyUserProfileId">
    <vt:lpwstr>637480495674368479</vt:lpwstr>
  </property>
  <property fmtid="{D5CDD505-2E9C-101B-9397-08002B2CF9AE}" pid="6" name="TemplafyLanguageCode">
    <vt:lpwstr>en-US</vt:lpwstr>
  </property>
  <property fmtid="{D5CDD505-2E9C-101B-9397-08002B2CF9AE}" pid="7" name="docIndexRef">
    <vt:lpwstr>ad97351b-e51c-440b-8eef-5cbcb5a9c145</vt:lpwstr>
  </property>
  <property fmtid="{D5CDD505-2E9C-101B-9397-08002B2CF9AE}" pid="8" name="bjSaver">
    <vt:lpwstr>J3I6dQHgFF4pkK0DAisIstHlEQBV0z+/</vt:lpwstr>
  </property>
  <property fmtid="{D5CDD505-2E9C-101B-9397-08002B2CF9AE}" pid="9" name="bjDocumentLabelXML">
    <vt:lpwstr>&lt;?xml version="1.0" encoding="us-ascii"?&gt;&lt;sisl xmlns:xsi="http://www.w3.org/2001/XMLSchema-instance" xmlns:xsd="http://www.w3.org/2001/XMLSchema" sislVersion="0" policy="06dbc50a-7c40-497c-8ead-392c4a2b388e" origin="userSelected" xmlns="http://www.boldonj</vt:lpwstr>
  </property>
  <property fmtid="{D5CDD505-2E9C-101B-9397-08002B2CF9AE}" pid="10" name="bjDocumentLabelXML-0">
    <vt:lpwstr>ames.com/2008/01/sie/internal/label"&gt;&lt;element uid="3a0f620a-74f7-4504-a030-448d9ea0e08a" value="" /&gt;&lt;element uid="id_classification_nonbusiness" value="" /&gt;&lt;element uid="0bf5a77d-3f3a-4e58-9a8a-1570d5e8454d" value="" /&gt;&lt;/sisl&gt;</vt:lpwstr>
  </property>
  <property fmtid="{D5CDD505-2E9C-101B-9397-08002B2CF9AE}" pid="11" name="bjDocumentSecurityLabel">
    <vt:lpwstr>Public</vt:lpwstr>
  </property>
  <property fmtid="{D5CDD505-2E9C-101B-9397-08002B2CF9AE}" pid="12" name="bjESIDataClassification">
    <vt:lpwstr>XYZZYPublicfwo[qei34890ty@^C@#%^11dc45</vt:lpwstr>
  </property>
</Properties>
</file>